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5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84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4051FB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20E1E7-BBB0-47F7-B00A-231E38BB19FB}" v="13" dt="2024-01-15T08:37:56.54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0" d="100"/>
          <a:sy n="110" d="100"/>
        </p:scale>
        <p:origin x="552" y="108"/>
      </p:cViewPr>
      <p:guideLst>
        <p:guide orient="horz" pos="2184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2/0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2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focus-africa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6" name="Promotional Kit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288347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en-US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ATA Wings of Change Focus Africa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4051FB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OCFA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4051FB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4051FB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B9989CF-ED2B-2A50-E5C3-27AD114069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40753" y="3575849"/>
            <a:ext cx="4710494" cy="26584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-17822" y="4130301"/>
            <a:ext cx="5125442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 Placeholder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370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2" y="495652"/>
            <a:ext cx="4491587" cy="4496972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221938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Props1.xml><?xml version="1.0" encoding="utf-8"?>
<ds:datastoreItem xmlns:ds="http://schemas.openxmlformats.org/officeDocument/2006/customXml" ds:itemID="{67B68D48-2E09-4B21-B57A-DBAF99BBCB6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schemas.microsoft.com/office/2006/documentManagement/types"/>
    <ds:schemaRef ds:uri="86e16ca4-215f-4354-b2b5-4fac53992da1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purl.org/dc/terms/"/>
    <ds:schemaRef ds:uri="da655568-1247-43c7-b5ce-0d71de2fb494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59</TotalTime>
  <Words>118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Nataly Echezuria</cp:lastModifiedBy>
  <cp:revision>3</cp:revision>
  <dcterms:created xsi:type="dcterms:W3CDTF">2023-06-13T12:34:15Z</dcterms:created>
  <dcterms:modified xsi:type="dcterms:W3CDTF">2024-02-22T10:56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